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8294\Downloads\"/>
    </mc:Choice>
  </mc:AlternateContent>
  <xr:revisionPtr revIDLastSave="0" documentId="8_{B6515E98-5583-4325-B4C5-9FBE3984DA9F}" xr6:coauthVersionLast="47" xr6:coauthVersionMax="47" xr10:uidLastSave="{00000000-0000-0000-0000-000000000000}"/>
  <bookViews>
    <workbookView xWindow="60" yWindow="-16320" windowWidth="29040" windowHeight="15720" xr2:uid="{32344125-EF4A-491B-8761-04B6B449E8C7}"/>
  </bookViews>
  <sheets>
    <sheet name="申込書（取りまとめ）" sheetId="1" r:id="rId1"/>
  </sheets>
  <externalReferences>
    <externalReference r:id="rId2"/>
  </externalReferences>
  <definedNames>
    <definedName name="_xlnm.Print_Area" localSheetId="0">'申込書（取りまとめ）'!$A$1:$I$30</definedName>
    <definedName name="ｾﾞｯｹﾝ1">'[1]試合順 (2019)'!$B$3:$C$16</definedName>
    <definedName name="ｾﾞｯｹﾝ2">'[1]試合順 (2019)'!$B$3:$G$16</definedName>
    <definedName name="ｾﾞｯｹﾝ3">'[1]試合順 (2019)'!$J$3:$K$16</definedName>
    <definedName name="ｾﾞｯｹﾝ4">'[1]試合順 (2019)'!$J$3:$O$16</definedName>
    <definedName name="試合順１">[1]試合順!$B$3:$C$31</definedName>
    <definedName name="試合順２">[1]試合順!$B$3:$G$31</definedName>
    <definedName name="試合順３">[1]試合順!$J$3:$K$31</definedName>
    <definedName name="試合順４">[1]試合順!$J$3:$O$3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1" uniqueCount="17">
  <si>
    <t>伊丹市教育委員会スポーツ振興課　宛</t>
    <rPh sb="0" eb="3">
      <t>イタミシ</t>
    </rPh>
    <rPh sb="3" eb="5">
      <t>キョウイク</t>
    </rPh>
    <rPh sb="5" eb="8">
      <t>イインカイ</t>
    </rPh>
    <rPh sb="12" eb="14">
      <t>シンコウ</t>
    </rPh>
    <rPh sb="14" eb="15">
      <t>カ</t>
    </rPh>
    <rPh sb="16" eb="17">
      <t>アテ</t>
    </rPh>
    <phoneticPr fontId="1"/>
  </si>
  <si>
    <t>伊丹市スポーツクラブ２１交流「いたっボール」大会申込書</t>
    <rPh sb="0" eb="3">
      <t>イタミシ</t>
    </rPh>
    <rPh sb="12" eb="14">
      <t>コウリュウ</t>
    </rPh>
    <rPh sb="22" eb="24">
      <t>タイカイ</t>
    </rPh>
    <rPh sb="24" eb="27">
      <t>モウシコミショ</t>
    </rPh>
    <phoneticPr fontId="1"/>
  </si>
  <si>
    <t>申込責任者</t>
    <rPh sb="0" eb="2">
      <t>モウシコミ</t>
    </rPh>
    <rPh sb="2" eb="5">
      <t>セキニンシャ</t>
    </rPh>
    <phoneticPr fontId="1"/>
  </si>
  <si>
    <t>氏名</t>
    <rPh sb="0" eb="1">
      <t>シ</t>
    </rPh>
    <rPh sb="1" eb="2">
      <t>メイ</t>
    </rPh>
    <phoneticPr fontId="1"/>
  </si>
  <si>
    <t>連絡先(電話)</t>
    <rPh sb="0" eb="3">
      <t>レンラクサキ</t>
    </rPh>
    <rPh sb="4" eb="6">
      <t>デンワ</t>
    </rPh>
    <phoneticPr fontId="1"/>
  </si>
  <si>
    <t>連絡先(メール)</t>
    <rPh sb="0" eb="3">
      <t>レンラクサキ</t>
    </rPh>
    <phoneticPr fontId="1"/>
  </si>
  <si>
    <t>チーム名
(10字以内)</t>
    <rPh sb="3" eb="4">
      <t>メイ</t>
    </rPh>
    <rPh sb="8" eb="11">
      <t>ジイナイ</t>
    </rPh>
    <phoneticPr fontId="1"/>
  </si>
  <si>
    <t>該当する方にご記入ください</t>
    <rPh sb="0" eb="2">
      <t>ガイトウ</t>
    </rPh>
    <rPh sb="4" eb="5">
      <t>ホウ</t>
    </rPh>
    <rPh sb="7" eb="9">
      <t>キニュウ</t>
    </rPh>
    <phoneticPr fontId="1"/>
  </si>
  <si>
    <t>氏　　名</t>
    <rPh sb="0" eb="1">
      <t>シ</t>
    </rPh>
    <rPh sb="3" eb="4">
      <t>メイ</t>
    </rPh>
    <phoneticPr fontId="1"/>
  </si>
  <si>
    <t>学年</t>
    <rPh sb="0" eb="2">
      <t>ガクネン</t>
    </rPh>
    <phoneticPr fontId="1"/>
  </si>
  <si>
    <t>スポーツクラブ21会員</t>
    <rPh sb="9" eb="11">
      <t>カイイン</t>
    </rPh>
    <phoneticPr fontId="1"/>
  </si>
  <si>
    <t>非会員</t>
    <rPh sb="0" eb="3">
      <t>ヒカイイン</t>
    </rPh>
    <phoneticPr fontId="1"/>
  </si>
  <si>
    <t>SC21（　　　　　　　　）</t>
  </si>
  <si>
    <t>（　　　　　　　　　）小学校</t>
    <rPh sb="11" eb="14">
      <t>ショウガッコウ</t>
    </rPh>
    <phoneticPr fontId="1"/>
  </si>
  <si>
    <t>↑キャプテンには、○印をつけてください。</t>
    <rPh sb="10" eb="11">
      <t>シルシ</t>
    </rPh>
    <phoneticPr fontId="1"/>
  </si>
  <si>
    <t>伊丹市教育委員会スポーツ振興課（市役所　2階）　TEL　072-784-8088　FAX　072-784-8083</t>
    <rPh sb="0" eb="3">
      <t>イタミシ</t>
    </rPh>
    <rPh sb="3" eb="5">
      <t>キョウイク</t>
    </rPh>
    <rPh sb="5" eb="8">
      <t>イインカイ</t>
    </rPh>
    <rPh sb="12" eb="15">
      <t>シンコウカ</t>
    </rPh>
    <rPh sb="16" eb="19">
      <t>シヤクショ</t>
    </rPh>
    <rPh sb="21" eb="22">
      <t>カイ</t>
    </rPh>
    <phoneticPr fontId="1"/>
  </si>
  <si>
    <r>
      <t>＊代表者は</t>
    </r>
    <r>
      <rPr>
        <b/>
        <sz val="14"/>
        <color rgb="FFFF0000"/>
        <rFont val="ＭＳ Ｐゴシック"/>
        <family val="3"/>
        <charset val="128"/>
      </rPr>
      <t>2026年5月22日（金）までに</t>
    </r>
    <r>
      <rPr>
        <b/>
        <sz val="14"/>
        <rFont val="ＭＳ Ｐゴシック"/>
        <family val="3"/>
        <charset val="128"/>
      </rPr>
      <t>スポーツ振興課へ提出して下さい｡</t>
    </r>
    <rPh sb="1" eb="4">
      <t>ダイヒョウシャ</t>
    </rPh>
    <rPh sb="9" eb="10">
      <t>ネン</t>
    </rPh>
    <rPh sb="11" eb="12">
      <t>ガツ</t>
    </rPh>
    <rPh sb="14" eb="15">
      <t>ニチ</t>
    </rPh>
    <rPh sb="16" eb="17">
      <t>カネ</t>
    </rPh>
    <rPh sb="25" eb="28">
      <t>シンコウカ</t>
    </rPh>
    <rPh sb="29" eb="31">
      <t>テイシュツ</t>
    </rPh>
    <rPh sb="33" eb="34">
      <t>クダ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2"/>
      <name val="HG創英丸ﾎﾟｯﾌﾟ体"/>
      <family val="3"/>
      <charset val="128"/>
    </font>
    <font>
      <b/>
      <sz val="18"/>
      <name val="HG創英丸ﾎﾟｯﾌﾟ体"/>
      <family val="3"/>
      <charset val="128"/>
    </font>
    <font>
      <sz val="10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rgb="FFFF0000"/>
      <name val="ＭＳ Ｐゴシック"/>
      <family val="3"/>
      <charset val="128"/>
    </font>
    <font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/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0">
    <xf numFmtId="0" fontId="0" fillId="0" borderId="0" xfId="0"/>
    <xf numFmtId="0" fontId="0" fillId="0" borderId="0" xfId="0" applyAlignment="1">
      <alignment vertical="center"/>
    </xf>
    <xf numFmtId="0" fontId="2" fillId="0" borderId="0" xfId="0" applyFont="1" applyAlignment="1">
      <alignment horizontal="left" shrinkToFit="1"/>
    </xf>
    <xf numFmtId="0" fontId="3" fillId="0" borderId="0" xfId="0" applyFont="1" applyAlignment="1">
      <alignment shrinkToFit="1"/>
    </xf>
    <xf numFmtId="0" fontId="0" fillId="0" borderId="0" xfId="0" applyAlignment="1">
      <alignment vertical="center" wrapText="1"/>
    </xf>
    <xf numFmtId="0" fontId="3" fillId="0" borderId="0" xfId="0" applyFont="1"/>
    <xf numFmtId="0" fontId="0" fillId="0" borderId="0" xfId="0" applyAlignment="1">
      <alignment horizontal="left" vertical="center" wrapText="1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distributed" vertical="center"/>
    </xf>
    <xf numFmtId="0" fontId="0" fillId="0" borderId="3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distributed" vertical="center" justifyLastLine="1"/>
    </xf>
    <xf numFmtId="0" fontId="0" fillId="0" borderId="5" xfId="0" applyBorder="1" applyAlignment="1">
      <alignment horizontal="distributed" vertical="center" justifyLastLine="1"/>
    </xf>
    <xf numFmtId="0" fontId="0" fillId="0" borderId="7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0" xfId="0" applyAlignment="1">
      <alignment horizontal="distributed" vertical="center" justifyLastLine="1"/>
    </xf>
    <xf numFmtId="0" fontId="0" fillId="0" borderId="0" xfId="0" applyAlignment="1">
      <alignment horizontal="left" vertical="center"/>
    </xf>
    <xf numFmtId="0" fontId="4" fillId="0" borderId="8" xfId="0" applyFont="1" applyBorder="1" applyAlignment="1">
      <alignment horizontal="center" vertical="center"/>
    </xf>
    <xf numFmtId="0" fontId="5" fillId="0" borderId="0" xfId="0" applyFont="1" applyAlignment="1">
      <alignment horizontal="left" vertical="center" shrinkToFit="1"/>
    </xf>
    <xf numFmtId="0" fontId="0" fillId="0" borderId="0" xfId="0" applyAlignment="1">
      <alignment vertical="top"/>
    </xf>
    <xf numFmtId="0" fontId="6" fillId="0" borderId="0" xfId="0" applyFont="1" applyAlignment="1">
      <alignment vertical="center"/>
    </xf>
    <xf numFmtId="0" fontId="8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docapsrv001r03/T63&#12473;&#12509;&#25391;&#33288;/&#12473;&#12509;&#12540;&#12484;&#12463;&#12521;&#12502;21&#38306;&#20418;/SC21&#20132;&#27969;&#22823;&#20250;/&#22799;&#23395;&#12356;&#12383;&#12387;&#12508;&#12540;&#12523;&#22823;&#20250;/R4/R4&#31532;19&#22238;&#22799;&#23395;&#12356;&#12383;&#12387;&#12508;&#12540;&#12523;&#22823;&#20250;%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開催要項申込（夏季） "/>
      <sheetName val="当日要項2022"/>
      <sheetName val="2022対戦表①"/>
      <sheetName val="2022対戦表②"/>
      <sheetName val="決勝トーナメント"/>
      <sheetName val="式次第2022"/>
      <sheetName val="参加クラブ2022"/>
      <sheetName val="組み合わせ検討"/>
      <sheetName val="案内図"/>
      <sheetName val="会場配置図"/>
      <sheetName val="記録カード2022予選"/>
      <sheetName val="記録カード2022決勝"/>
      <sheetName val="予選試合順 (2022)"/>
      <sheetName val="記録カード2018"/>
      <sheetName val="申込書"/>
      <sheetName val="名前シール"/>
      <sheetName val="名札"/>
      <sheetName val="記録カード (2019)"/>
      <sheetName val="試合順 (2019)"/>
      <sheetName val="式次第"/>
      <sheetName val="参加クラブ名（夏）"/>
      <sheetName val="当日パンフ "/>
      <sheetName val="2019決勝　7試合"/>
      <sheetName val="2019対戦表"/>
      <sheetName val="2018対戦表"/>
      <sheetName val="2018決勝"/>
      <sheetName val="予選14-2"/>
      <sheetName val="看板"/>
      <sheetName val="試合順"/>
      <sheetName val="記録カード"/>
      <sheetName val="予選16-2"/>
      <sheetName val="予選15-2"/>
      <sheetName val="予選12-2"/>
      <sheetName val="予選12-2 (2)"/>
      <sheetName val="記録カード (2セット)"/>
      <sheetName val="4-⑤（決勝春）"/>
      <sheetName val="20-4（予選春）"/>
      <sheetName val="8チーム"/>
      <sheetName val="9チーム"/>
      <sheetName val="予選23－4"/>
      <sheetName val="予選8-2"/>
      <sheetName val="決勝④トーナメント"/>
      <sheetName val="登録票"/>
      <sheetName val="ゼッケン"/>
      <sheetName val="宣誓"/>
      <sheetName val="H23予選結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>
        <row r="3">
          <cell r="B3">
            <v>1</v>
          </cell>
          <cell r="C3" t="str">
            <v>ピンク</v>
          </cell>
          <cell r="E3" t="str">
            <v>-</v>
          </cell>
          <cell r="G3" t="str">
            <v>イエロー</v>
          </cell>
          <cell r="J3">
            <v>1</v>
          </cell>
          <cell r="K3" t="str">
            <v>ライトブルー</v>
          </cell>
          <cell r="M3" t="str">
            <v>－</v>
          </cell>
          <cell r="O3" t="str">
            <v>ピンク</v>
          </cell>
        </row>
        <row r="4">
          <cell r="B4">
            <v>2</v>
          </cell>
          <cell r="C4" t="str">
            <v>パープル</v>
          </cell>
          <cell r="E4" t="str">
            <v>-</v>
          </cell>
          <cell r="G4" t="str">
            <v>ブルー</v>
          </cell>
          <cell r="J4">
            <v>2</v>
          </cell>
          <cell r="K4" t="str">
            <v>ホワイト</v>
          </cell>
          <cell r="M4" t="str">
            <v>－</v>
          </cell>
          <cell r="O4" t="str">
            <v>パープル</v>
          </cell>
        </row>
        <row r="5">
          <cell r="B5">
            <v>3</v>
          </cell>
          <cell r="C5" t="str">
            <v>ブラック</v>
          </cell>
          <cell r="E5" t="str">
            <v>-</v>
          </cell>
          <cell r="G5" t="str">
            <v>オレンジ</v>
          </cell>
          <cell r="J5">
            <v>3</v>
          </cell>
          <cell r="K5" t="str">
            <v>ブラック</v>
          </cell>
          <cell r="M5" t="str">
            <v>－</v>
          </cell>
          <cell r="O5" t="str">
            <v>オレンジ</v>
          </cell>
        </row>
        <row r="6">
          <cell r="B6">
            <v>4</v>
          </cell>
          <cell r="C6" t="str">
            <v>レッド</v>
          </cell>
          <cell r="E6" t="str">
            <v>-</v>
          </cell>
          <cell r="G6" t="str">
            <v>グリーン</v>
          </cell>
          <cell r="J6">
            <v>4</v>
          </cell>
          <cell r="K6" t="str">
            <v>レッド</v>
          </cell>
          <cell r="M6" t="str">
            <v>－</v>
          </cell>
          <cell r="O6" t="str">
            <v>グリーン</v>
          </cell>
        </row>
        <row r="7">
          <cell r="B7">
            <v>5</v>
          </cell>
          <cell r="C7" t="str">
            <v>ブルー</v>
          </cell>
          <cell r="E7" t="str">
            <v>-</v>
          </cell>
          <cell r="G7" t="str">
            <v>イエロー</v>
          </cell>
          <cell r="J7">
            <v>5</v>
          </cell>
          <cell r="K7" t="str">
            <v>蛍光イエロー</v>
          </cell>
          <cell r="M7" t="str">
            <v>－</v>
          </cell>
          <cell r="O7" t="str">
            <v>オレンジ</v>
          </cell>
        </row>
        <row r="8">
          <cell r="B8">
            <v>6</v>
          </cell>
          <cell r="C8" t="str">
            <v>パープル</v>
          </cell>
          <cell r="E8" t="str">
            <v>-</v>
          </cell>
          <cell r="G8" t="str">
            <v>ピンク</v>
          </cell>
          <cell r="J8">
            <v>6</v>
          </cell>
          <cell r="K8" t="str">
            <v>パープル</v>
          </cell>
          <cell r="M8" t="str">
            <v>－</v>
          </cell>
          <cell r="O8" t="str">
            <v>ピンク</v>
          </cell>
        </row>
        <row r="9">
          <cell r="B9">
            <v>7</v>
          </cell>
          <cell r="C9" t="str">
            <v>グリーン</v>
          </cell>
          <cell r="E9" t="str">
            <v>-</v>
          </cell>
          <cell r="G9" t="str">
            <v>オレンジ</v>
          </cell>
          <cell r="J9">
            <v>7</v>
          </cell>
          <cell r="K9" t="str">
            <v>ホワイト</v>
          </cell>
          <cell r="M9" t="str">
            <v>－</v>
          </cell>
          <cell r="O9" t="str">
            <v>ライトブルー</v>
          </cell>
        </row>
        <row r="10">
          <cell r="B10">
            <v>8</v>
          </cell>
          <cell r="C10" t="str">
            <v>レッド</v>
          </cell>
          <cell r="E10" t="str">
            <v>-</v>
          </cell>
          <cell r="G10" t="str">
            <v>ブラック</v>
          </cell>
          <cell r="J10">
            <v>8</v>
          </cell>
          <cell r="K10" t="str">
            <v>レッド</v>
          </cell>
          <cell r="M10" t="str">
            <v>－</v>
          </cell>
          <cell r="O10" t="str">
            <v>ブラック</v>
          </cell>
        </row>
        <row r="11">
          <cell r="B11">
            <v>9</v>
          </cell>
          <cell r="C11" t="str">
            <v>ブルー</v>
          </cell>
          <cell r="E11" t="str">
            <v>-</v>
          </cell>
          <cell r="G11" t="str">
            <v>ピンク</v>
          </cell>
          <cell r="J11">
            <v>9</v>
          </cell>
          <cell r="K11" t="str">
            <v>蛍光イエロー</v>
          </cell>
          <cell r="M11" t="str">
            <v>－</v>
          </cell>
          <cell r="O11" t="str">
            <v>グリーン</v>
          </cell>
        </row>
        <row r="12">
          <cell r="B12">
            <v>10</v>
          </cell>
          <cell r="C12" t="str">
            <v>パープル</v>
          </cell>
          <cell r="E12" t="str">
            <v>-</v>
          </cell>
          <cell r="G12" t="str">
            <v>イエロー</v>
          </cell>
          <cell r="J12">
            <v>10</v>
          </cell>
          <cell r="K12" t="str">
            <v>パープル</v>
          </cell>
          <cell r="M12" t="str">
            <v>－</v>
          </cell>
          <cell r="O12" t="str">
            <v>ライトブルー</v>
          </cell>
        </row>
        <row r="13">
          <cell r="B13">
            <v>11</v>
          </cell>
          <cell r="C13" t="str">
            <v>グリーン</v>
          </cell>
          <cell r="E13" t="str">
            <v>-</v>
          </cell>
          <cell r="G13" t="str">
            <v>ブラック</v>
          </cell>
          <cell r="J13">
            <v>11</v>
          </cell>
          <cell r="K13" t="str">
            <v>ホワイト</v>
          </cell>
          <cell r="M13" t="str">
            <v>－</v>
          </cell>
          <cell r="O13" t="str">
            <v>ピンク</v>
          </cell>
        </row>
        <row r="14">
          <cell r="B14">
            <v>12</v>
          </cell>
          <cell r="C14" t="str">
            <v>レッド</v>
          </cell>
          <cell r="E14" t="str">
            <v>-</v>
          </cell>
          <cell r="G14" t="str">
            <v>オレンジ</v>
          </cell>
          <cell r="J14">
            <v>12</v>
          </cell>
          <cell r="K14" t="str">
            <v>グリーン</v>
          </cell>
          <cell r="M14" t="str">
            <v>－</v>
          </cell>
          <cell r="O14" t="str">
            <v>オレンジ</v>
          </cell>
        </row>
        <row r="15">
          <cell r="J15">
            <v>13</v>
          </cell>
          <cell r="K15" t="str">
            <v>蛍光イエロー</v>
          </cell>
          <cell r="M15" t="str">
            <v>－</v>
          </cell>
          <cell r="O15" t="str">
            <v>ブラック</v>
          </cell>
        </row>
        <row r="16">
          <cell r="J16">
            <v>14</v>
          </cell>
          <cell r="K16" t="str">
            <v>レッド</v>
          </cell>
          <cell r="M16" t="str">
            <v>－</v>
          </cell>
          <cell r="O16" t="str">
            <v>オレンジ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>
        <row r="3">
          <cell r="B3">
            <v>1</v>
          </cell>
          <cell r="C3" t="str">
            <v>①パープル</v>
          </cell>
          <cell r="E3" t="str">
            <v>－</v>
          </cell>
          <cell r="G3" t="str">
            <v>②ライトブルー</v>
          </cell>
          <cell r="J3">
            <v>1</v>
          </cell>
          <cell r="K3" t="str">
            <v>⑧パープル</v>
          </cell>
          <cell r="M3" t="str">
            <v>－</v>
          </cell>
          <cell r="O3" t="str">
            <v>⑨オレンジ</v>
          </cell>
        </row>
        <row r="4">
          <cell r="B4">
            <v>2</v>
          </cell>
          <cell r="C4" t="str">
            <v>③レモン</v>
          </cell>
          <cell r="E4" t="str">
            <v>－</v>
          </cell>
          <cell r="G4" t="str">
            <v>④ピンク</v>
          </cell>
          <cell r="J4">
            <v>2</v>
          </cell>
          <cell r="K4" t="str">
            <v>⑩ブルー</v>
          </cell>
          <cell r="M4" t="str">
            <v>－</v>
          </cell>
          <cell r="O4" t="str">
            <v>⑪イエロー</v>
          </cell>
        </row>
        <row r="5">
          <cell r="B5">
            <v>3</v>
          </cell>
          <cell r="C5" t="str">
            <v>⑤レッド</v>
          </cell>
          <cell r="E5" t="str">
            <v>－</v>
          </cell>
          <cell r="G5" t="str">
            <v>⑥グリーン</v>
          </cell>
          <cell r="J5">
            <v>3</v>
          </cell>
          <cell r="K5" t="str">
            <v>⑫ピンク</v>
          </cell>
          <cell r="M5" t="str">
            <v>－</v>
          </cell>
          <cell r="O5" t="str">
            <v>⑬グリーン</v>
          </cell>
        </row>
        <row r="6">
          <cell r="B6">
            <v>4</v>
          </cell>
          <cell r="C6" t="str">
            <v>①パープル</v>
          </cell>
          <cell r="E6" t="str">
            <v>－</v>
          </cell>
          <cell r="G6" t="str">
            <v>⑦ブラック</v>
          </cell>
          <cell r="J6">
            <v>4</v>
          </cell>
          <cell r="K6" t="str">
            <v>⑧パープル</v>
          </cell>
          <cell r="M6" t="str">
            <v>－</v>
          </cell>
          <cell r="O6" t="str">
            <v>⑭ホワイト</v>
          </cell>
        </row>
        <row r="7">
          <cell r="B7">
            <v>5</v>
          </cell>
          <cell r="C7" t="str">
            <v>②ライトブルー</v>
          </cell>
          <cell r="E7" t="str">
            <v>－</v>
          </cell>
          <cell r="G7" t="str">
            <v>③レモン</v>
          </cell>
          <cell r="J7">
            <v>5</v>
          </cell>
          <cell r="K7" t="str">
            <v>⑨オレンジ</v>
          </cell>
          <cell r="M7" t="str">
            <v>－</v>
          </cell>
          <cell r="O7" t="str">
            <v>⑩ブルー</v>
          </cell>
        </row>
        <row r="8">
          <cell r="B8">
            <v>6</v>
          </cell>
          <cell r="C8" t="str">
            <v>④ピンク</v>
          </cell>
          <cell r="E8" t="str">
            <v>－</v>
          </cell>
          <cell r="G8" t="str">
            <v>⑤レッド</v>
          </cell>
          <cell r="J8">
            <v>6</v>
          </cell>
          <cell r="K8" t="str">
            <v>⑪イエロー</v>
          </cell>
          <cell r="M8" t="str">
            <v>－</v>
          </cell>
          <cell r="O8" t="str">
            <v>⑫ピンク</v>
          </cell>
        </row>
        <row r="9">
          <cell r="B9">
            <v>7</v>
          </cell>
          <cell r="C9" t="str">
            <v>⑥グリーン</v>
          </cell>
          <cell r="E9" t="str">
            <v>－</v>
          </cell>
          <cell r="G9" t="str">
            <v>⑦ブラック</v>
          </cell>
          <cell r="J9">
            <v>7</v>
          </cell>
          <cell r="K9" t="str">
            <v>⑬グリーン</v>
          </cell>
          <cell r="M9" t="str">
            <v>－</v>
          </cell>
          <cell r="O9" t="str">
            <v>⑭ホワイト</v>
          </cell>
        </row>
        <row r="10">
          <cell r="B10">
            <v>8</v>
          </cell>
          <cell r="C10" t="str">
            <v>①パープル</v>
          </cell>
          <cell r="E10" t="str">
            <v>－</v>
          </cell>
          <cell r="G10" t="str">
            <v>③レモン</v>
          </cell>
          <cell r="J10">
            <v>8</v>
          </cell>
          <cell r="K10" t="str">
            <v>⑧パープル</v>
          </cell>
          <cell r="M10" t="str">
            <v>－</v>
          </cell>
          <cell r="O10" t="str">
            <v>⑩ブルー</v>
          </cell>
        </row>
        <row r="11">
          <cell r="B11">
            <v>9</v>
          </cell>
          <cell r="C11" t="str">
            <v>②ライトブルー</v>
          </cell>
          <cell r="E11" t="str">
            <v>－</v>
          </cell>
          <cell r="G11" t="str">
            <v>⑤レッド</v>
          </cell>
          <cell r="J11">
            <v>9</v>
          </cell>
          <cell r="K11" t="str">
            <v>⑨オレンジ</v>
          </cell>
          <cell r="M11" t="str">
            <v>－</v>
          </cell>
          <cell r="O11" t="str">
            <v>⑫ピンク</v>
          </cell>
        </row>
        <row r="12">
          <cell r="B12">
            <v>10</v>
          </cell>
          <cell r="C12" t="str">
            <v>④ピンク</v>
          </cell>
          <cell r="E12" t="str">
            <v>－</v>
          </cell>
          <cell r="G12" t="str">
            <v>⑥グリーン</v>
          </cell>
          <cell r="J12">
            <v>10</v>
          </cell>
          <cell r="K12" t="str">
            <v>⑪イエロー</v>
          </cell>
          <cell r="M12" t="str">
            <v>－</v>
          </cell>
          <cell r="O12" t="str">
            <v>⑬グリーン</v>
          </cell>
        </row>
        <row r="13">
          <cell r="B13">
            <v>11</v>
          </cell>
          <cell r="C13" t="str">
            <v>②ライトブルー</v>
          </cell>
          <cell r="E13" t="str">
            <v>－</v>
          </cell>
          <cell r="G13" t="str">
            <v>⑦ブラック</v>
          </cell>
          <cell r="J13">
            <v>11</v>
          </cell>
          <cell r="K13" t="str">
            <v>⑨オレンジ</v>
          </cell>
          <cell r="M13" t="str">
            <v>－</v>
          </cell>
          <cell r="O13" t="str">
            <v>⑭ホワイト</v>
          </cell>
        </row>
        <row r="14">
          <cell r="B14">
            <v>12</v>
          </cell>
          <cell r="C14" t="str">
            <v>①パープル</v>
          </cell>
          <cell r="E14" t="str">
            <v>－</v>
          </cell>
          <cell r="G14" t="str">
            <v>④ピンク</v>
          </cell>
          <cell r="J14">
            <v>12</v>
          </cell>
          <cell r="K14" t="str">
            <v>⑧パープル</v>
          </cell>
          <cell r="M14" t="str">
            <v>－</v>
          </cell>
          <cell r="O14" t="str">
            <v>⑪イエロー</v>
          </cell>
        </row>
        <row r="15">
          <cell r="B15">
            <v>13</v>
          </cell>
          <cell r="C15" t="str">
            <v>③レモン</v>
          </cell>
          <cell r="E15" t="str">
            <v>－</v>
          </cell>
          <cell r="G15" t="str">
            <v>⑤レッド</v>
          </cell>
          <cell r="J15">
            <v>13</v>
          </cell>
          <cell r="K15" t="str">
            <v>⑩ブルー</v>
          </cell>
          <cell r="M15" t="str">
            <v>－</v>
          </cell>
          <cell r="O15" t="str">
            <v>⑫ピンク</v>
          </cell>
        </row>
        <row r="16">
          <cell r="B16">
            <v>14</v>
          </cell>
          <cell r="C16" t="str">
            <v>②ライトブルー</v>
          </cell>
          <cell r="E16" t="str">
            <v>－</v>
          </cell>
          <cell r="G16" t="str">
            <v>⑥グリーン</v>
          </cell>
          <cell r="J16">
            <v>14</v>
          </cell>
          <cell r="K16" t="str">
            <v>⑨オレンジ</v>
          </cell>
          <cell r="M16" t="str">
            <v>－</v>
          </cell>
          <cell r="O16" t="str">
            <v>⑬グリーン</v>
          </cell>
        </row>
        <row r="17">
          <cell r="B17">
            <v>15</v>
          </cell>
          <cell r="C17" t="str">
            <v>③レモン</v>
          </cell>
          <cell r="E17" t="str">
            <v>－</v>
          </cell>
          <cell r="G17" t="str">
            <v>⑦ブラック</v>
          </cell>
          <cell r="J17">
            <v>15</v>
          </cell>
          <cell r="K17" t="str">
            <v>⑩ブルー</v>
          </cell>
          <cell r="M17" t="str">
            <v>－</v>
          </cell>
          <cell r="O17" t="str">
            <v>⑭ホワイト</v>
          </cell>
        </row>
        <row r="18">
          <cell r="B18">
            <v>16</v>
          </cell>
          <cell r="C18" t="str">
            <v>①パープル</v>
          </cell>
          <cell r="E18" t="str">
            <v>－</v>
          </cell>
          <cell r="G18" t="str">
            <v>⑤レッド</v>
          </cell>
          <cell r="J18">
            <v>16</v>
          </cell>
          <cell r="K18" t="str">
            <v>⑧パープル</v>
          </cell>
          <cell r="M18" t="str">
            <v>－</v>
          </cell>
          <cell r="O18" t="str">
            <v>⑫ピンク</v>
          </cell>
        </row>
        <row r="19">
          <cell r="B19">
            <v>17</v>
          </cell>
          <cell r="C19" t="str">
            <v>②ライトブルー</v>
          </cell>
          <cell r="E19" t="str">
            <v>－</v>
          </cell>
          <cell r="G19" t="str">
            <v>④ピンク</v>
          </cell>
          <cell r="J19">
            <v>17</v>
          </cell>
          <cell r="K19" t="str">
            <v>⑨オレンジ</v>
          </cell>
          <cell r="M19" t="str">
            <v>－</v>
          </cell>
          <cell r="O19" t="str">
            <v>⑪イエロー</v>
          </cell>
        </row>
        <row r="20">
          <cell r="B20">
            <v>18</v>
          </cell>
          <cell r="C20" t="str">
            <v>③レモン</v>
          </cell>
          <cell r="E20" t="str">
            <v>－</v>
          </cell>
          <cell r="G20" t="str">
            <v>⑥グリーン</v>
          </cell>
          <cell r="J20">
            <v>18</v>
          </cell>
          <cell r="K20" t="str">
            <v>⑩ブルー</v>
          </cell>
          <cell r="M20" t="str">
            <v>－</v>
          </cell>
          <cell r="O20" t="str">
            <v>⑬グリーン</v>
          </cell>
        </row>
        <row r="21">
          <cell r="B21">
            <v>19</v>
          </cell>
          <cell r="C21" t="str">
            <v>⑤レッド</v>
          </cell>
          <cell r="E21" t="str">
            <v>－</v>
          </cell>
          <cell r="G21" t="str">
            <v>⑦ブラック</v>
          </cell>
          <cell r="J21">
            <v>19</v>
          </cell>
          <cell r="K21" t="str">
            <v>⑫ピンク</v>
          </cell>
          <cell r="M21" t="str">
            <v>－</v>
          </cell>
          <cell r="O21" t="str">
            <v>⑭ホワイト</v>
          </cell>
        </row>
        <row r="22">
          <cell r="B22">
            <v>20</v>
          </cell>
          <cell r="C22" t="str">
            <v>①パープル</v>
          </cell>
          <cell r="E22" t="str">
            <v>－</v>
          </cell>
          <cell r="G22" t="str">
            <v>⑥グリーン</v>
          </cell>
          <cell r="J22">
            <v>20</v>
          </cell>
          <cell r="K22" t="str">
            <v>⑧パープル</v>
          </cell>
          <cell r="M22" t="str">
            <v>－</v>
          </cell>
          <cell r="O22" t="str">
            <v>⑬グリーン</v>
          </cell>
        </row>
        <row r="23">
          <cell r="B23">
            <v>21</v>
          </cell>
          <cell r="C23" t="str">
            <v>④ピンク</v>
          </cell>
          <cell r="E23" t="str">
            <v>－</v>
          </cell>
          <cell r="G23" t="str">
            <v>⑦ブラック</v>
          </cell>
          <cell r="J23">
            <v>21</v>
          </cell>
          <cell r="K23" t="str">
            <v>⑪イエロー</v>
          </cell>
          <cell r="M23" t="str">
            <v>－</v>
          </cell>
          <cell r="O23" t="str">
            <v>⑭ホワイト</v>
          </cell>
        </row>
        <row r="24">
          <cell r="B24">
            <v>22</v>
          </cell>
          <cell r="E24" t="str">
            <v>－</v>
          </cell>
          <cell r="J24">
            <v>22</v>
          </cell>
        </row>
        <row r="25">
          <cell r="B25">
            <v>23</v>
          </cell>
          <cell r="E25" t="str">
            <v>－</v>
          </cell>
          <cell r="J25">
            <v>23</v>
          </cell>
        </row>
        <row r="26">
          <cell r="B26">
            <v>24</v>
          </cell>
          <cell r="E26" t="str">
            <v>－</v>
          </cell>
          <cell r="J26">
            <v>24</v>
          </cell>
        </row>
        <row r="27">
          <cell r="B27">
            <v>25</v>
          </cell>
          <cell r="E27" t="str">
            <v>－</v>
          </cell>
          <cell r="J27">
            <v>25</v>
          </cell>
        </row>
        <row r="28">
          <cell r="B28">
            <v>26</v>
          </cell>
          <cell r="E28" t="str">
            <v>－</v>
          </cell>
          <cell r="J28">
            <v>26</v>
          </cell>
        </row>
        <row r="29">
          <cell r="B29">
            <v>27</v>
          </cell>
          <cell r="E29" t="str">
            <v>－</v>
          </cell>
          <cell r="J29">
            <v>27</v>
          </cell>
        </row>
        <row r="30">
          <cell r="B30">
            <v>28</v>
          </cell>
          <cell r="E30" t="str">
            <v>－</v>
          </cell>
          <cell r="J30">
            <v>28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8FD84E-E3DB-4FC6-B3C2-B05DEE791919}">
  <sheetPr>
    <pageSetUpPr fitToPage="1"/>
  </sheetPr>
  <dimension ref="A1:R27"/>
  <sheetViews>
    <sheetView tabSelected="1" view="pageBreakPreview" zoomScale="85" zoomScaleNormal="55" zoomScaleSheetLayoutView="85" workbookViewId="0">
      <selection activeCell="A27" sqref="A27"/>
    </sheetView>
  </sheetViews>
  <sheetFormatPr defaultColWidth="9" defaultRowHeight="13"/>
  <cols>
    <col min="1" max="1" width="4.6328125" style="1" customWidth="1"/>
    <col min="2" max="2" width="3.453125" style="1" customWidth="1"/>
    <col min="3" max="4" width="8.6328125" style="1" customWidth="1"/>
    <col min="5" max="5" width="16.90625" style="1" customWidth="1"/>
    <col min="6" max="6" width="8.6328125" style="1" customWidth="1"/>
    <col min="7" max="7" width="10.08984375" style="1" customWidth="1"/>
    <col min="8" max="8" width="22.08984375" style="1" bestFit="1" customWidth="1"/>
    <col min="9" max="9" width="24.6328125" style="1" customWidth="1"/>
    <col min="10" max="12" width="8.6328125" style="1" customWidth="1"/>
    <col min="13" max="16384" width="9" style="1"/>
  </cols>
  <sheetData>
    <row r="1" spans="1:18" ht="42" customHeight="1">
      <c r="A1" s="1" t="s">
        <v>0</v>
      </c>
    </row>
    <row r="2" spans="1:18" ht="48.65" customHeight="1">
      <c r="A2" s="2" t="s">
        <v>1</v>
      </c>
      <c r="B2" s="2"/>
      <c r="C2" s="2"/>
      <c r="D2" s="2"/>
      <c r="E2" s="2"/>
      <c r="F2" s="2"/>
      <c r="G2" s="2"/>
      <c r="H2" s="2"/>
      <c r="I2" s="2"/>
      <c r="J2" s="3"/>
      <c r="K2" s="3"/>
      <c r="L2" s="3"/>
      <c r="Q2" s="4"/>
    </row>
    <row r="3" spans="1:18" ht="28" customHeight="1">
      <c r="E3" s="5"/>
    </row>
    <row r="4" spans="1:18" ht="28" customHeight="1">
      <c r="A4" t="s">
        <v>2</v>
      </c>
      <c r="B4"/>
      <c r="C4"/>
      <c r="D4"/>
      <c r="H4" s="4"/>
      <c r="M4" s="6"/>
      <c r="N4" s="6"/>
      <c r="O4" s="6"/>
      <c r="P4" s="6"/>
      <c r="Q4" s="6"/>
      <c r="R4" s="6"/>
    </row>
    <row r="5" spans="1:18" ht="28" customHeight="1">
      <c r="A5" s="7" t="s">
        <v>3</v>
      </c>
      <c r="B5" s="7"/>
      <c r="C5" s="7"/>
      <c r="D5" s="7"/>
      <c r="E5" s="7"/>
      <c r="F5" s="7"/>
      <c r="G5" s="7"/>
      <c r="H5" s="4"/>
      <c r="M5" s="6"/>
      <c r="N5" s="6"/>
      <c r="O5" s="6"/>
      <c r="P5" s="6"/>
      <c r="Q5" s="6"/>
      <c r="R5" s="6"/>
    </row>
    <row r="6" spans="1:18" ht="28" customHeight="1">
      <c r="A6" s="8" t="s">
        <v>4</v>
      </c>
      <c r="B6" s="8"/>
      <c r="C6" s="8"/>
      <c r="D6" s="8"/>
      <c r="E6" s="8"/>
      <c r="F6" s="8"/>
      <c r="G6" s="8"/>
      <c r="N6" s="9"/>
      <c r="O6" s="9"/>
      <c r="P6" s="9"/>
      <c r="Q6" s="9"/>
      <c r="R6" s="9"/>
    </row>
    <row r="7" spans="1:18" ht="28" customHeight="1">
      <c r="A7" s="8" t="s">
        <v>5</v>
      </c>
      <c r="B7" s="8"/>
      <c r="C7" s="8"/>
      <c r="D7" s="8"/>
      <c r="E7" s="8"/>
      <c r="F7" s="8"/>
      <c r="G7" s="8"/>
      <c r="I7" s="10"/>
    </row>
    <row r="8" spans="1:18" ht="17.5" customHeight="1">
      <c r="B8" s="7"/>
      <c r="C8" s="7"/>
      <c r="D8" s="7"/>
      <c r="E8" s="7"/>
      <c r="F8" s="7"/>
      <c r="G8" s="7"/>
      <c r="I8" s="10"/>
    </row>
    <row r="9" spans="1:18" ht="37.5" customHeight="1">
      <c r="B9" s="11" t="s">
        <v>6</v>
      </c>
      <c r="C9" s="11"/>
      <c r="D9" s="11"/>
      <c r="E9" s="11"/>
      <c r="F9" s="11"/>
      <c r="G9" s="11"/>
      <c r="H9" s="12" t="s">
        <v>7</v>
      </c>
      <c r="I9" s="12"/>
    </row>
    <row r="10" spans="1:18" ht="26.15" customHeight="1">
      <c r="B10" s="13" t="s">
        <v>8</v>
      </c>
      <c r="C10" s="14"/>
      <c r="D10" s="14"/>
      <c r="E10" s="14"/>
      <c r="F10" s="15"/>
      <c r="G10" s="16" t="s">
        <v>9</v>
      </c>
      <c r="H10" s="17" t="s">
        <v>10</v>
      </c>
      <c r="I10" s="17" t="s">
        <v>11</v>
      </c>
    </row>
    <row r="11" spans="1:18" ht="26.15" customHeight="1">
      <c r="B11" s="18">
        <v>1</v>
      </c>
      <c r="C11" s="19"/>
      <c r="D11" s="19"/>
      <c r="E11" s="19"/>
      <c r="F11" s="20"/>
      <c r="G11" s="21"/>
      <c r="H11" s="22" t="s">
        <v>12</v>
      </c>
      <c r="I11" s="22" t="s">
        <v>13</v>
      </c>
    </row>
    <row r="12" spans="1:18" ht="26.15" customHeight="1">
      <c r="B12" s="18">
        <v>2</v>
      </c>
      <c r="C12" s="19"/>
      <c r="D12" s="19"/>
      <c r="E12" s="19"/>
      <c r="F12" s="20"/>
      <c r="G12" s="21"/>
      <c r="H12" s="22" t="s">
        <v>12</v>
      </c>
      <c r="I12" s="22" t="s">
        <v>13</v>
      </c>
    </row>
    <row r="13" spans="1:18" ht="26.15" customHeight="1">
      <c r="B13" s="18">
        <v>3</v>
      </c>
      <c r="C13" s="19"/>
      <c r="D13" s="19"/>
      <c r="E13" s="19"/>
      <c r="F13" s="20"/>
      <c r="G13" s="21"/>
      <c r="H13" s="22" t="s">
        <v>12</v>
      </c>
      <c r="I13" s="22" t="s">
        <v>13</v>
      </c>
    </row>
    <row r="14" spans="1:18" ht="26.15" customHeight="1">
      <c r="B14" s="18">
        <v>4</v>
      </c>
      <c r="C14" s="19"/>
      <c r="D14" s="19"/>
      <c r="E14" s="19"/>
      <c r="F14" s="20"/>
      <c r="G14" s="21"/>
      <c r="H14" s="22" t="s">
        <v>12</v>
      </c>
      <c r="I14" s="22" t="s">
        <v>13</v>
      </c>
    </row>
    <row r="15" spans="1:18" ht="26.15" customHeight="1">
      <c r="B15" s="18">
        <v>5</v>
      </c>
      <c r="C15" s="19"/>
      <c r="D15" s="19"/>
      <c r="E15" s="19"/>
      <c r="F15" s="20"/>
      <c r="G15" s="21"/>
      <c r="H15" s="22" t="s">
        <v>12</v>
      </c>
      <c r="I15" s="22" t="s">
        <v>13</v>
      </c>
    </row>
    <row r="16" spans="1:18" ht="26.15" customHeight="1">
      <c r="B16" s="18">
        <v>6</v>
      </c>
      <c r="C16" s="19"/>
      <c r="D16" s="19"/>
      <c r="E16" s="19"/>
      <c r="F16" s="20"/>
      <c r="G16" s="21"/>
      <c r="H16" s="22" t="s">
        <v>12</v>
      </c>
      <c r="I16" s="22" t="s">
        <v>13</v>
      </c>
      <c r="J16" s="23"/>
      <c r="K16" s="23"/>
    </row>
    <row r="17" spans="1:11" ht="26.15" customHeight="1">
      <c r="B17" s="18">
        <v>7</v>
      </c>
      <c r="C17" s="19"/>
      <c r="D17" s="19"/>
      <c r="E17" s="19"/>
      <c r="F17" s="20"/>
      <c r="G17" s="21"/>
      <c r="H17" s="22" t="s">
        <v>12</v>
      </c>
      <c r="I17" s="22" t="s">
        <v>13</v>
      </c>
      <c r="J17" s="23"/>
      <c r="K17" s="23"/>
    </row>
    <row r="18" spans="1:11" ht="26.15" customHeight="1">
      <c r="B18" s="18">
        <v>8</v>
      </c>
      <c r="C18" s="19"/>
      <c r="D18" s="19"/>
      <c r="E18" s="19"/>
      <c r="F18" s="20"/>
      <c r="G18" s="21"/>
      <c r="H18" s="22" t="s">
        <v>12</v>
      </c>
      <c r="I18" s="22" t="s">
        <v>13</v>
      </c>
      <c r="J18" s="23"/>
      <c r="K18" s="23"/>
    </row>
    <row r="19" spans="1:11" ht="26.15" customHeight="1">
      <c r="B19" s="18">
        <v>9</v>
      </c>
      <c r="C19" s="19"/>
      <c r="D19" s="19"/>
      <c r="E19" s="19"/>
      <c r="F19" s="20"/>
      <c r="G19" s="21"/>
      <c r="H19" s="22" t="s">
        <v>12</v>
      </c>
      <c r="I19" s="22" t="s">
        <v>13</v>
      </c>
      <c r="J19" s="23"/>
      <c r="K19" s="23"/>
    </row>
    <row r="20" spans="1:11" ht="26.15" customHeight="1">
      <c r="B20" s="18">
        <v>10</v>
      </c>
      <c r="C20" s="19"/>
      <c r="D20" s="19"/>
      <c r="E20" s="19"/>
      <c r="F20" s="20"/>
      <c r="G20" s="21"/>
      <c r="H20" s="22" t="s">
        <v>12</v>
      </c>
      <c r="I20" s="22" t="s">
        <v>13</v>
      </c>
      <c r="J20" s="23"/>
      <c r="K20" s="23"/>
    </row>
    <row r="21" spans="1:11" ht="26.15" customHeight="1">
      <c r="B21" s="18">
        <v>11</v>
      </c>
      <c r="C21" s="19"/>
      <c r="D21" s="19"/>
      <c r="E21" s="19"/>
      <c r="F21" s="20"/>
      <c r="G21" s="21"/>
      <c r="H21" s="22" t="s">
        <v>12</v>
      </c>
      <c r="I21" s="22" t="s">
        <v>13</v>
      </c>
      <c r="J21" s="23"/>
      <c r="K21" s="23"/>
    </row>
    <row r="22" spans="1:11" ht="26.15" customHeight="1">
      <c r="B22" s="18">
        <v>12</v>
      </c>
      <c r="C22" s="19"/>
      <c r="D22" s="19"/>
      <c r="E22" s="19"/>
      <c r="F22" s="20"/>
      <c r="G22" s="21"/>
      <c r="H22" s="22" t="s">
        <v>12</v>
      </c>
      <c r="I22" s="22" t="s">
        <v>13</v>
      </c>
      <c r="J22" s="23"/>
      <c r="K22" s="23"/>
    </row>
    <row r="23" spans="1:11" ht="26.15" customHeight="1">
      <c r="B23" s="18">
        <v>13</v>
      </c>
      <c r="C23" s="19"/>
      <c r="D23" s="19"/>
      <c r="E23" s="19"/>
      <c r="F23" s="20"/>
      <c r="G23" s="21"/>
      <c r="H23" s="22" t="s">
        <v>12</v>
      </c>
      <c r="I23" s="22" t="s">
        <v>13</v>
      </c>
      <c r="J23" s="23"/>
      <c r="K23" s="23"/>
    </row>
    <row r="24" spans="1:11" ht="26.15" customHeight="1">
      <c r="B24" s="1" t="s">
        <v>14</v>
      </c>
      <c r="C24" s="24"/>
      <c r="D24" s="24"/>
      <c r="H24" s="25"/>
      <c r="I24" s="25"/>
    </row>
    <row r="25" spans="1:11" s="27" customFormat="1" ht="30" customHeight="1">
      <c r="A25" s="26" t="s">
        <v>15</v>
      </c>
      <c r="B25" s="26"/>
      <c r="C25" s="26"/>
      <c r="D25" s="26"/>
      <c r="E25" s="26"/>
      <c r="F25" s="26"/>
      <c r="G25" s="26"/>
      <c r="H25" s="26"/>
      <c r="I25" s="26"/>
    </row>
    <row r="26" spans="1:11" ht="30" customHeight="1">
      <c r="A26" s="28" t="s">
        <v>16</v>
      </c>
      <c r="B26" s="29"/>
      <c r="C26" s="29"/>
      <c r="D26" s="29"/>
      <c r="E26" s="29"/>
      <c r="F26" s="29"/>
    </row>
    <row r="27" spans="1:11" ht="30" customHeight="1"/>
  </sheetData>
  <mergeCells count="22">
    <mergeCell ref="C22:F22"/>
    <mergeCell ref="C23:F23"/>
    <mergeCell ref="H24:I24"/>
    <mergeCell ref="A25:I25"/>
    <mergeCell ref="C16:F16"/>
    <mergeCell ref="C17:F17"/>
    <mergeCell ref="C18:F18"/>
    <mergeCell ref="C19:F19"/>
    <mergeCell ref="C20:F20"/>
    <mergeCell ref="C21:F21"/>
    <mergeCell ref="B10:F10"/>
    <mergeCell ref="C11:F11"/>
    <mergeCell ref="C12:F12"/>
    <mergeCell ref="C13:F13"/>
    <mergeCell ref="C14:F14"/>
    <mergeCell ref="C15:F15"/>
    <mergeCell ref="A2:I2"/>
    <mergeCell ref="M4:R5"/>
    <mergeCell ref="N6:R6"/>
    <mergeCell ref="B9:C9"/>
    <mergeCell ref="D9:G9"/>
    <mergeCell ref="H9:I9"/>
  </mergeCells>
  <phoneticPr fontId="1"/>
  <printOptions horizontalCentered="1" verticalCentered="1"/>
  <pageMargins left="0" right="0" top="0" bottom="0" header="0.51181102362204722" footer="0.51181102362204722"/>
  <pageSetup paperSize="9" scale="95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込書（取りまとめ）</vt:lpstr>
      <vt:lpstr>'申込書（取りまと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294 臼井大晟</dc:creator>
  <cp:lastModifiedBy>s008294 臼井大晟</cp:lastModifiedBy>
  <dcterms:created xsi:type="dcterms:W3CDTF">2026-04-30T07:52:25Z</dcterms:created>
  <dcterms:modified xsi:type="dcterms:W3CDTF">2026-04-30T07:53:01Z</dcterms:modified>
</cp:coreProperties>
</file>